
<file path=[Content_Types].xml><?xml version="1.0" encoding="utf-8"?>
<Types xmlns="http://schemas.openxmlformats.org/package/2006/content-types">
  <Default Extension="xml" ContentType="application/vnd.openxmlformats-officedocument.presentationml.presentation.main+xml"/>
  <Default Extension="rels" ContentType="application/vnd.openxmlformats-package.relationships+xml"/>
  <Override PartName="/ppt/slides/slide1.xml" ContentType="application/vnd.openxmlformats-officedocument.presentationml.slide+xml"/>
  <Override PartName="/ppt/slides/tags/tag1.xml" ContentType="application/vnd.openxmlformats-officedocument.presentationml.tags+xml"/>
  <Override PartName="/ppt/slideLayouts/slideLayout1.xml" ContentType="application/vnd.openxmlformats-officedocument.presentationml.slideLayout+xml"/>
  <Override PartName="/ppt/slideLayouts/slideMasters/slideMaster1.xml" ContentType="application/vnd.openxmlformats-officedocument.presentationml.slideMaster+xml"/>
  <Override PartName="/ppt/slideLayouts/slideMasters/theme/theme1.xml" ContentType="application/vnd.openxmlformats-officedocument.theme+xml"/>
  <Override PartName="/ppt/slides/tags/tag2.xml" ContentType="application/vnd.openxmlformats-officedocument.presentationml.tags+xml"/>
  <Override PartName="/ppt/slides/tags/tag3.xml" ContentType="application/vnd.openxmlformats-officedocument.presentationml.tags+xml"/>
  <Override PartName="/ppt/slides/tags/tag4.xml" ContentType="application/vnd.openxmlformats-officedocument.presentationml.tags+xml"/>
  <Override PartName="/ppt/slides/tags/tag5.xml" ContentType="application/vnd.openxmlformats-officedocument.presentationml.tags+xml"/>
  <Override PartName="/ppt/slides/tags/tag6.xml" ContentType="application/vnd.openxmlformats-officedocument.presentationml.tags+xml"/>
  <Override PartName="/ppt/slides/tags/tag7.xml" ContentType="application/vnd.openxmlformats-officedocument.presentationml.tags+xml"/>
  <Override PartName="/ppt/slides/tags/tag8.xml" ContentType="application/vnd.openxmlformats-officedocument.presentationml.tags+xml"/>
  <Override PartName="/ppt/slides/tags/tag9.xml" ContentType="application/vnd.openxmlformats-officedocument.presentationml.tags+xml"/>
  <Override PartName="/ppt/slides/tags/tag10.xml" ContentType="application/vnd.openxmlformats-officedocument.presentationml.tags+xml"/>
  <Override PartName="/ppt/slides/tags/tag11.xml" ContentType="application/vnd.openxmlformats-officedocument.presentationml.tags+xml"/>
  <Override PartName="/ppt/slides/tags/tag12.xml" ContentType="application/vnd.openxmlformats-officedocument.presentationml.tags+xml"/>
  <Override PartName="/ppt/slides/tags/tag13.xml" ContentType="application/vnd.openxmlformats-officedocument.presentationml.tags+xml"/>
  <Override PartName="/ppt/slides/tags/tag14.xml" ContentType="application/vnd.openxmlformats-officedocument.presentationml.tags+xml"/>
  <Override PartName="/ppt/slides/tags/tag15.xml" ContentType="application/vnd.openxmlformats-officedocument.presentationml.tags+xml"/>
  <Override PartName="/ppt/slides/tags/tag16.xml" ContentType="application/vnd.openxmlformats-officedocument.presentationml.tags+xml"/>
  <Override PartName="/ppt/slides/tags/tag17.xml" ContentType="application/vnd.openxmlformats-officedocument.presentationml.tags+xml"/>
  <Override PartName="/ppt/slides/tags/tag18.xml" ContentType="application/vnd.openxmlformats-officedocument.presentationml.tags+xml"/>
  <Override PartName="/ppt/slides/tags/tag19.xml" ContentType="application/vnd.openxmlformats-officedocument.presentationml.tags+xml"/>
  <Override PartName="/ppt/slides/tags/tag20.xml" ContentType="application/vnd.openxmlformats-officedocument.presentationml.tags+xml"/>
  <Override PartName="/ppt/slides/tags/tag21.xml" ContentType="application/vnd.openxmlformats-officedocument.presentationml.tags+xml"/>
  <Override PartName="/ppt/slides/tags/tag22.xml" ContentType="application/vnd.openxmlformats-officedocument.presentationml.tags+xml"/>
  <Override PartName="/ppt/slides/tags/tag23.xml" ContentType="application/vnd.openxmlformats-officedocument.presentationml.tags+xml"/>
  <Override PartName="/ppt/slides/tags/tag24.xml" ContentType="application/vnd.openxmlformats-officedocument.presentationml.tags+xml"/>
  <Override PartName="/ppt/slides/tags/tag25.xml" ContentType="application/vnd.openxmlformats-officedocument.presentationml.tags+xml"/>
  <Override PartName="/ppt/slides/tags/tag26.xml" ContentType="application/vnd.openxmlformats-officedocument.presentationml.tags+xml"/>
  <Override PartName="/ppt/slides/tags/tag27.xml" ContentType="application/vnd.openxmlformats-officedocument.presentationml.tags+xml"/>
  <Override PartName="/ppt/slides/tags/tag28.xml" ContentType="application/vnd.openxmlformats-officedocument.presentationml.tags+xml"/>
  <Override PartName="/ppt/slides/tags/tag29.xml" ContentType="application/vnd.openxmlformats-officedocument.presentationml.tags+xml"/>
  <Override PartName="/ppt/slides/tags/tag30.xml" ContentType="application/vnd.openxmlformats-officedocument.presentationml.tags+xml"/>
  <Override PartName="/ppt/slides/tags/tag31.xml" ContentType="application/vnd.openxmlformats-officedocument.presentationml.tags+xml"/>
  <Override PartName="/ppt/slides/tags/tag32.xml" ContentType="application/vnd.openxmlformats-officedocument.presentationml.tags+xml"/>
  <Override PartName="/ppt/slides/tags/tag33.xml" ContentType="application/vnd.openxmlformats-officedocument.presentationml.tags+xml"/>
  <Override PartName="/ppt/slides/tags/tag34.xml" ContentType="application/vnd.openxmlformats-officedocument.presentationml.tags+xml"/>
  <Override PartName="/ppt/slides/tags/tag35.xml" ContentType="application/vnd.openxmlformats-officedocument.presentationml.tags+xml"/>
</Types>
</file>

<file path=_rels/.rels>&#65279;<?xml version="1.0" encoding="utf-8"?><Relationships xmlns="http://schemas.openxmlformats.org/package/2006/relationships"><Relationship Type="http://schemas.openxmlformats.org/officeDocument/2006/relationships/officeDocument" Target="/ppt/presentation.xml" Id="R4233d63e16bd45d2" 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 type="screen16x9"/>
  <p:notesSz cx="6858000" cy="9144000"/>
</p:presentation>
</file>

<file path=ppt/_rels/presentation.xml.rels>&#65279;<?xml version="1.0" encoding="utf-8"?><Relationships xmlns="http://schemas.openxmlformats.org/package/2006/relationships"><Relationship Type="http://schemas.openxmlformats.org/officeDocument/2006/relationships/slide" Target="/ppt/slides/slide1.xml" Id="rId2" /><Relationship Type="http://schemas.openxmlformats.org/officeDocument/2006/relationships/slideMaster" Target="/ppt/slideLayouts/slideMasters/slideMaster1.xml" Id="rId1" /><Relationship Type="http://schemas.openxmlformats.org/officeDocument/2006/relationships/theme" Target="/ppt/slideLayouts/slideMasters/theme/theme1.xml" Id="rId4" /></Relationships>
</file>

<file path=ppt/slideLayouts/_rels/slideLayout1.xml.rels>&#65279;<?xml version="1.0" encoding="utf-8"?><Relationships xmlns="http://schemas.openxmlformats.org/package/2006/relationships"><Relationship Type="http://schemas.openxmlformats.org/officeDocument/2006/relationships/slideMaster" Target="/ppt/slideLayouts/slideMasters/slideMaster1.xml" Id="rId1" 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/>
      </p:grpSpPr>
    </p:spTree>
  </p:cSld>
</p:sldLayout>
</file>

<file path=ppt/slideLayouts/slideMasters/_rels/slideMaster1.xml.rels>&#65279;<?xml version="1.0" encoding="utf-8"?><Relationships xmlns="http://schemas.openxmlformats.org/package/2006/relationships"><Relationship Type="http://schemas.openxmlformats.org/officeDocument/2006/relationships/theme" Target="/ppt/slideLayouts/slideMasters/theme/theme1.xml" Id="rId3" /><Relationship Type="http://schemas.openxmlformats.org/officeDocument/2006/relationships/slideLayout" Target="/ppt/slideLayouts/slideLayout1.xml" Id="rId1" /></Relationships>
</file>

<file path=ppt/slideLayouts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</p:sldMaster>
</file>

<file path=ppt/slideLayouts/slideMasters/theme/theme1.xml><?xml version="1.0" encoding="utf-8"?>
<a:theme xmlns:a="http://schemas.openxmlformats.org/drawingml/2006/main" xmlns:r="http://schemas.openxmlformats.org/officeDocument/2006/relationships" xmlns:p="http://schemas.openxmlformats.org/presentation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</a:theme>
</file>

<file path=ppt/slides/_rels/slide1.xml.rels>&#65279;<?xml version="1.0" encoding="utf-8"?><Relationships xmlns="http://schemas.openxmlformats.org/package/2006/relationships"><Relationship Type="http://schemas.openxmlformats.org/officeDocument/2006/relationships/tags" Target="/ppt/slides/tags/tag1.xml" Id="rId1" /><Relationship Type="http://schemas.openxmlformats.org/officeDocument/2006/relationships/slideLayout" Target="/ppt/slideLayouts/slideLayout1.xml" Id="rId2" /><Relationship Type="http://schemas.openxmlformats.org/officeDocument/2006/relationships/tags" Target="/ppt/slides/tags/tag2.xml" Id="rId10" /><Relationship Type="http://schemas.openxmlformats.org/officeDocument/2006/relationships/tags" Target="/ppt/slides/tags/tag3.xml" Id="rId11" /><Relationship Type="http://schemas.openxmlformats.org/officeDocument/2006/relationships/tags" Target="/ppt/slides/tags/tag4.xml" Id="rId12" /><Relationship Type="http://schemas.openxmlformats.org/officeDocument/2006/relationships/tags" Target="/ppt/slides/tags/tag5.xml" Id="rId13" /><Relationship Type="http://schemas.openxmlformats.org/officeDocument/2006/relationships/tags" Target="/ppt/slides/tags/tag6.xml" Id="rId14" /><Relationship Type="http://schemas.openxmlformats.org/officeDocument/2006/relationships/tags" Target="/ppt/slides/tags/tag7.xml" Id="rId15" /><Relationship Type="http://schemas.openxmlformats.org/officeDocument/2006/relationships/tags" Target="/ppt/slides/tags/tag8.xml" Id="rId16" /><Relationship Type="http://schemas.openxmlformats.org/officeDocument/2006/relationships/tags" Target="/ppt/slides/tags/tag9.xml" Id="rId17" /><Relationship Type="http://schemas.openxmlformats.org/officeDocument/2006/relationships/tags" Target="/ppt/slides/tags/tag10.xml" Id="rId18" /><Relationship Type="http://schemas.openxmlformats.org/officeDocument/2006/relationships/tags" Target="/ppt/slides/tags/tag11.xml" Id="rId19" /><Relationship Type="http://schemas.openxmlformats.org/officeDocument/2006/relationships/tags" Target="/ppt/slides/tags/tag12.xml" Id="rId20" /><Relationship Type="http://schemas.openxmlformats.org/officeDocument/2006/relationships/tags" Target="/ppt/slides/tags/tag13.xml" Id="rId21" /><Relationship Type="http://schemas.openxmlformats.org/officeDocument/2006/relationships/tags" Target="/ppt/slides/tags/tag14.xml" Id="rId22" /><Relationship Type="http://schemas.openxmlformats.org/officeDocument/2006/relationships/tags" Target="/ppt/slides/tags/tag15.xml" Id="rId23" /><Relationship Type="http://schemas.openxmlformats.org/officeDocument/2006/relationships/tags" Target="/ppt/slides/tags/tag16.xml" Id="rId24" /><Relationship Type="http://schemas.openxmlformats.org/officeDocument/2006/relationships/tags" Target="/ppt/slides/tags/tag17.xml" Id="rId25" /><Relationship Type="http://schemas.openxmlformats.org/officeDocument/2006/relationships/tags" Target="/ppt/slides/tags/tag18.xml" Id="rId26" /><Relationship Type="http://schemas.openxmlformats.org/officeDocument/2006/relationships/tags" Target="/ppt/slides/tags/tag19.xml" Id="rId27" /><Relationship Type="http://schemas.openxmlformats.org/officeDocument/2006/relationships/tags" Target="/ppt/slides/tags/tag20.xml" Id="rId28" /><Relationship Type="http://schemas.openxmlformats.org/officeDocument/2006/relationships/tags" Target="/ppt/slides/tags/tag21.xml" Id="rId29" /><Relationship Type="http://schemas.openxmlformats.org/officeDocument/2006/relationships/tags" Target="/ppt/slides/tags/tag22.xml" Id="rId30" /><Relationship Type="http://schemas.openxmlformats.org/officeDocument/2006/relationships/tags" Target="/ppt/slides/tags/tag23.xml" Id="rId31" /><Relationship Type="http://schemas.openxmlformats.org/officeDocument/2006/relationships/tags" Target="/ppt/slides/tags/tag24.xml" Id="rId32" /><Relationship Type="http://schemas.openxmlformats.org/officeDocument/2006/relationships/tags" Target="/ppt/slides/tags/tag25.xml" Id="rId33" /><Relationship Type="http://schemas.openxmlformats.org/officeDocument/2006/relationships/tags" Target="/ppt/slides/tags/tag26.xml" Id="rId34" /><Relationship Type="http://schemas.openxmlformats.org/officeDocument/2006/relationships/tags" Target="/ppt/slides/tags/tag27.xml" Id="rId35" /><Relationship Type="http://schemas.openxmlformats.org/officeDocument/2006/relationships/tags" Target="/ppt/slides/tags/tag28.xml" Id="rId36" /><Relationship Type="http://schemas.openxmlformats.org/officeDocument/2006/relationships/tags" Target="/ppt/slides/tags/tag29.xml" Id="rId37" /><Relationship Type="http://schemas.openxmlformats.org/officeDocument/2006/relationships/tags" Target="/ppt/slides/tags/tag30.xml" Id="rId38" /><Relationship Type="http://schemas.openxmlformats.org/officeDocument/2006/relationships/tags" Target="/ppt/slides/tags/tag31.xml" Id="rId39" /><Relationship Type="http://schemas.openxmlformats.org/officeDocument/2006/relationships/tags" Target="/ppt/slides/tags/tag32.xml" Id="rId40" /><Relationship Type="http://schemas.openxmlformats.org/officeDocument/2006/relationships/tags" Target="/ppt/slides/tags/tag33.xml" Id="rId41" /><Relationship Type="http://schemas.openxmlformats.org/officeDocument/2006/relationships/tags" Target="/ppt/slides/tags/tag34.xml" Id="rId42" /><Relationship Type="http://schemas.openxmlformats.org/officeDocument/2006/relationships/tags" Target="/ppt/slides/tags/tag35.xml" Id="rId10000001" /></Relationships>
</file>

<file path=ppt/slides/slide1.xml><?xml version="1.0" encoding="utf-8"?>
<p:sld xmlns:a16="http://schemas.microsoft.com/office/drawing/2014/main\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/>
      <p:sp>
        <p:nvSpPr>
          <p:cNvPr id="10" name="OTLSHAPE_TB_00000000000000000000000000000000_LeftEndCaps" hidden="0">
            <a:extLst>
              <a:ext uri="{72ADF399-18EC-4045-A440-A8544BB9BE30}">
                <a16:creationId xmlns:a16="http://schemas.microsoft.com/office/drawing/2014/main\" id="532BD30E-8C96-450F-9460-4F62FEA1B72F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3121660"/>
            <a:ext cx="487680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23</a:t>
            </a:r>
          </a:p>
        </p:txBody>
      </p:sp>
      <p:sp>
        <p:nvSpPr>
          <p:cNvPr id="11" name="OTLSHAPE_TB_00000000000000000000000000000000_RightEndCaps" hidden="0">
            <a:extLst>
              <a:ext uri="{67FB410B-8E23-4138-942F-E49F88AF790C}">
                <a16:creationId xmlns:a16="http://schemas.microsoft.com/office/drawing/2014/main\" id="C1B3A7DD-9C71-4B12-B223-345F55C2298C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386820" y="3121660"/>
            <a:ext cx="487680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23</a:t>
            </a:r>
          </a:p>
        </p:txBody>
      </p:sp>
      <p:sp>
        <p:nvSpPr>
          <p:cNvPr id="12" name="OTLSHAPE_TB_00000000000000000000000000000000_ScaleContainer" hidden="0"/>
          <p:cNvSpPr/>
          <p:nvPr>
            <p:custDataLst>
              <p:tags r:id="rId12"/>
            </p:custDataLst>
          </p:nvPr>
        </p:nvSpPr>
        <p:spPr>
          <a:xfrm>
            <a:off x="957580" y="3048000"/>
            <a:ext cx="10276840" cy="381000"/>
          </a:xfrm>
          <a:prstGeom prst="roundRect">
            <a:avLst/>
          </a:prstGeom>
          <a:solidFill>
            <a:srgbClr val="44546A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957580" y="3048000"/>
            <a:ext cx="0" cy="0"/>
          </a:xfrm>
          <a:prstGeom prst="roundRect">
            <a:avLst/>
          </a:prstGeom>
          <a:solidFill>
            <a:srgbClr val="FF0000">
              <a:alpha val="75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 flipV="0">
            <a:off x="903151" y="3429000"/>
            <a:ext cx="108857" cy="127000"/>
          </a:xfrm>
          <a:prstGeom prst="triangle">
            <a:avLst/>
          </a:prstGeom>
          <a:solidFill>
            <a:srgbClr val="D8E2F3">
              <a:alpha val="100000"/>
            </a:srgbClr>
          </a:solidFill>
        </p:spPr>
      </p:sp>
      <p:sp>
        <p:nvSpPr>
          <p:cNvPr id="15" name="OTLSHAPE_TB_00000000000000000000000000000000_TodayMarkerText" hidden="1">
            <a:extLst>
              <a:ext uri="{0AD1F058-9BAD-42C0-87AB-14E159102496}">
                <a16:creationId xmlns:a16="http://schemas.microsoft.com/office/drawing/2014/main\" id="CA6DC893-7305-46A0-A65D-A3381032EA60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57580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 hidden="0">
            <a:extLst>
              <a:ext uri="{3722E076-692D-404D-BA99-D4E78209C8A0}">
                <a16:creationId xmlns:a16="http://schemas.microsoft.com/office/drawing/2014/main\" id="70D7C1FE-9696-4D64-AFB1-2B79D535347B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021080" y="3158172"/>
            <a:ext cx="243840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Apr</a:t>
            </a:r>
          </a:p>
        </p:txBody>
      </p:sp>
      <p:cxnSp>
        <p:nvCxnSpPr>
          <p:cNvPr id="17" name="OTLSHAPE_TB_00000000000000000000000000000000_Separator1" hidden="0"/>
          <p:cNvCxnSpPr/>
          <p:nvPr>
            <p:custDataLst>
              <p:tags r:id="rId17"/>
            </p:custDataLst>
          </p:nvPr>
        </p:nvCxnSpPr>
        <p:spPr>
          <a:xfrm>
            <a:off x="4345548" y="31369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 hidden="0">
            <a:extLst>
              <a:ext uri="{9EA75A59-29E8-4256-8B24-8E63555778E4}">
                <a16:creationId xmlns:a16="http://schemas.microsoft.com/office/drawing/2014/main\" id="8273D0F1-8271-48AE-9035-B4F985605C66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409050" y="3158172"/>
            <a:ext cx="365760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May</a:t>
            </a:r>
          </a:p>
        </p:txBody>
      </p:sp>
      <p:cxnSp>
        <p:nvCxnSpPr>
          <p:cNvPr id="19" name="OTLSHAPE_TB_00000000000000000000000000000000_Separator2" hidden="0"/>
          <p:cNvCxnSpPr/>
          <p:nvPr>
            <p:custDataLst>
              <p:tags r:id="rId19"/>
            </p:custDataLst>
          </p:nvPr>
        </p:nvCxnSpPr>
        <p:spPr>
          <a:xfrm>
            <a:off x="7846450" y="31369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 hidden="0">
            <a:extLst>
              <a:ext uri="{68EE9EE2-5523-4973-BE30-8D93638E25B5}">
                <a16:creationId xmlns:a16="http://schemas.microsoft.com/office/drawing/2014/main\" id="9EBE6BF5-65F6-4A22-A512-54609F33E0ED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909952" y="3158172"/>
            <a:ext cx="365760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Jun</a:t>
            </a:r>
          </a:p>
        </p:txBody>
      </p:sp>
      <p:cxnSp>
        <p:nvCxnSpPr>
          <p:cNvPr id="21" name="OTLSHAPE_T_012ed11425c944ed8cf61359a179ee0c_HorizontalConnector1" hidden="0"/>
          <p:cNvCxnSpPr/>
          <p:nvPr>
            <p:custDataLst>
              <p:tags r:id="rId21"/>
            </p:custDataLst>
          </p:nvPr>
        </p:nvCxnSpPr>
        <p:spPr>
          <a:xfrm>
            <a:off x="614680" y="3733800"/>
            <a:ext cx="226275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_288941fee63d4011be961db3ad4a88ae_HorizontalConnector1" hidden="0"/>
          <p:cNvCxnSpPr/>
          <p:nvPr>
            <p:custDataLst>
              <p:tags r:id="rId22"/>
            </p:custDataLst>
          </p:nvPr>
        </p:nvCxnSpPr>
        <p:spPr>
          <a:xfrm>
            <a:off x="614680" y="3975100"/>
            <a:ext cx="7683501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_012ed11425c944ed8cf61359a179ee0c_LeftVerticalConnector1" hidden="0"/>
          <p:cNvCxnSpPr/>
          <p:nvPr>
            <p:custDataLst>
              <p:tags r:id="rId23"/>
            </p:custDataLst>
          </p:nvPr>
        </p:nvCxnSpPr>
        <p:spPr>
          <a:xfrm>
            <a:off x="2877430" y="3429000"/>
            <a:ext cx="0" cy="3048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4" name="OTLSHAPE_T_012ed11425c944ed8cf61359a179ee0c_RightVerticalConnector1" hidden="1"/>
          <p:cNvCxnSpPr/>
          <p:nvPr>
            <p:custDataLst>
              <p:tags r:id="rId24"/>
            </p:custDataLst>
          </p:nvPr>
        </p:nvCxnSpPr>
        <p:spPr>
          <a:xfrm>
            <a:off x="8298181" y="3429000"/>
            <a:ext cx="0" cy="3048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5" name="OTLSHAPE_T_288941fee63d4011be961db3ad4a88ae_LeftVerticalConnector1" hidden="0"/>
          <p:cNvCxnSpPr/>
          <p:nvPr>
            <p:custDataLst>
              <p:tags r:id="rId25"/>
            </p:custDataLst>
          </p:nvPr>
        </p:nvCxnSpPr>
        <p:spPr>
          <a:xfrm>
            <a:off x="8298181" y="3429000"/>
            <a:ext cx="0" cy="546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_288941fee63d4011be961db3ad4a88ae_RightVerticalConnector1" hidden="0"/>
          <p:cNvCxnSpPr/>
          <p:nvPr>
            <p:custDataLst>
              <p:tags r:id="rId26"/>
            </p:custDataLst>
          </p:nvPr>
        </p:nvCxnSpPr>
        <p:spPr>
          <a:xfrm>
            <a:off x="9314572" y="3429000"/>
            <a:ext cx="0" cy="546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7" name="OTLSHAPE_T_012ed11425c944ed8cf61359a179ee0c_Shape" hidden="0"/>
          <p:cNvSpPr/>
          <p:nvPr>
            <p:custDataLst>
              <p:tags r:id="rId27"/>
            </p:custDataLst>
          </p:nvPr>
        </p:nvSpPr>
        <p:spPr>
          <a:xfrm>
            <a:off x="2877430" y="3632200"/>
            <a:ext cx="5420752" cy="203200"/>
          </a:xfrm>
          <a:prstGeom prst="roundRect">
            <a:avLst/>
          </a:prstGeom>
          <a:solidFill>
            <a:srgbClr val="4472C4">
              <a:alpha val="100000"/>
            </a:srgbClr>
          </a:solidFill>
        </p:spPr>
      </p:sp>
      <p:sp>
        <p:nvSpPr>
          <p:cNvPr id="28" name="OTLSHAPE_T_012ed11425c944ed8cf61359a179ee0c_ShapePercentage" hidden="0"/>
          <p:cNvSpPr/>
          <p:nvPr>
            <p:custDataLst>
              <p:tags r:id="rId28"/>
            </p:custDataLst>
          </p:nvPr>
        </p:nvSpPr>
        <p:spPr>
          <a:xfrm>
            <a:off x="2877430" y="3632200"/>
            <a:ext cx="256540" cy="20320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29" name="OTLSHAPE_T_012ed11425c944ed8cf61359a179ee0c_Duration" hidden="1">
            <a:extLst>
              <a:ext uri="{53727175-6C95-400B-BC54-CD416080A7A5}">
                <a16:creationId xmlns:a16="http://schemas.microsoft.com/office/drawing/2014/main\" id="F19346BB-D822-42FD-9C02-F8B516057AE7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3632200"/>
            <a:ext cx="48768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48 days</a:t>
            </a:r>
          </a:p>
        </p:txBody>
      </p:sp>
      <p:sp>
        <p:nvSpPr>
          <p:cNvPr id="30" name="OTLSHAPE_T_012ed11425c944ed8cf61359a179ee0c_StartDate" hidden="1">
            <a:extLst>
              <a:ext uri="{212A1EBE-063F-4BFB-8B1B-8052A1D33A80}">
                <a16:creationId xmlns:a16="http://schemas.microsoft.com/office/drawing/2014/main\" id="0B8AE099-0D02-4806-9304-3DFAF5C2AECB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37636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31" name="OTLSHAPE_T_012ed11425c944ed8cf61359a179ee0c_EndDate" hidden="1">
            <a:extLst>
              <a:ext uri="{5ABC16AB-C2FE-4754-B86E-C7769B3C6871}">
                <a16:creationId xmlns:a16="http://schemas.microsoft.com/office/drawing/2014/main\" id="695092E0-9512-4FE8-BB9C-CAF4C2070089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37636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32" name="OTLSHAPE_T_012ed11425c944ed8cf61359a179ee0c_JoinedDate" hidden="0">
            <a:extLst>
              <a:ext uri="{9C861A01-A0AF-4BB0-9ADB-60B333D88823}">
                <a16:creationId xmlns:a16="http://schemas.microsoft.com/office/drawing/2014/main\" id="917FBC65-D3E1-49DE-8A76-E03755453AC1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348981" y="3660775"/>
            <a:ext cx="85344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8 Apr - 4 Jun</a:t>
            </a:r>
          </a:p>
        </p:txBody>
      </p:sp>
      <p:sp>
        <p:nvSpPr>
          <p:cNvPr id="33" name="OTLSHAPE_T_012ed11425c944ed8cf61359a179ee0c_TextPercentage" hidden="0">
            <a:extLst>
              <a:ext uri="{FBB222E9-8B7C-4B70-B21F-C60323F3CFFC}">
                <a16:creationId xmlns:a16="http://schemas.microsoft.com/office/drawing/2014/main\" id="CF4BF850-4E9B-4689-A0DE-F7CA4A487E2B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90130" y="3668078"/>
            <a:ext cx="24384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34" name="OTLSHAPE_T_012ed11425c944ed8cf61359a179ee0c_Title" hidden="0">
            <a:extLst>
              <a:ext uri="{B9930F58-387A-4261-93ED-F70012AE6723}">
                <a16:creationId xmlns:a16="http://schemas.microsoft.com/office/drawing/2014/main\" id="7CF64E4B-D343-4418-80A3-646038A0A386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0" y="3660775"/>
            <a:ext cx="48768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Gestión</a:t>
            </a:r>
          </a:p>
        </p:txBody>
      </p:sp>
      <p:sp>
        <p:nvSpPr>
          <p:cNvPr id="35" name="OTLSHAPE_T_288941fee63d4011be961db3ad4a88ae_Shape" hidden="0"/>
          <p:cNvSpPr/>
          <p:nvPr>
            <p:custDataLst>
              <p:tags r:id="rId35"/>
            </p:custDataLst>
          </p:nvPr>
        </p:nvSpPr>
        <p:spPr>
          <a:xfrm>
            <a:off x="8298181" y="3873500"/>
            <a:ext cx="1016391" cy="203200"/>
          </a:xfrm>
          <a:prstGeom prst="roundRect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36" name="OTLSHAPE_T_288941fee63d4011be961db3ad4a88ae_ShapePercentage" hidden="0"/>
          <p:cNvSpPr/>
          <p:nvPr>
            <p:custDataLst>
              <p:tags r:id="rId36"/>
            </p:custDataLst>
          </p:nvPr>
        </p:nvSpPr>
        <p:spPr>
          <a:xfrm>
            <a:off x="8298181" y="3873500"/>
            <a:ext cx="256540" cy="20320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37" name="OTLSHAPE_T_288941fee63d4011be961db3ad4a88ae_Duration" hidden="1">
            <a:extLst>
              <a:ext uri="{A3F38318-BEB7-4600-981C-1D0B79855582}">
                <a16:creationId xmlns:a16="http://schemas.microsoft.com/office/drawing/2014/main\" id="7458AE17-B60B-4ED7-92CD-DA7FA105BE99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3873500"/>
            <a:ext cx="36576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9 days</a:t>
            </a:r>
          </a:p>
        </p:txBody>
      </p:sp>
      <p:sp>
        <p:nvSpPr>
          <p:cNvPr id="38" name="OTLSHAPE_T_288941fee63d4011be961db3ad4a88ae_StartDate" hidden="1">
            <a:extLst>
              <a:ext uri="{96FDB29E-10EA-41DF-AEBE-18DFE09EBA73}">
                <a16:creationId xmlns:a16="http://schemas.microsoft.com/office/drawing/2014/main\" id="7DDE915B-7A2B-4704-AD37-49739FE99411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40049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39" name="OTLSHAPE_T_288941fee63d4011be961db3ad4a88ae_EndDate" hidden="1">
            <a:extLst>
              <a:ext uri="{2546E628-97EB-4955-892F-394B98BE5E7C}">
                <a16:creationId xmlns:a16="http://schemas.microsoft.com/office/drawing/2014/main\" id="8B55B3F8-F9BD-4AE2-8546-0A44ED5FB574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0049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/>
            </a:r>
          </a:p>
        </p:txBody>
      </p:sp>
      <p:sp>
        <p:nvSpPr>
          <p:cNvPr id="40" name="OTLSHAPE_T_288941fee63d4011be961db3ad4a88ae_JoinedDate" hidden="0">
            <a:extLst>
              <a:ext uri="{29124C00-D984-4D3F-ABE9-140033932483}">
                <a16:creationId xmlns:a16="http://schemas.microsoft.com/office/drawing/2014/main\" id="97302A14-6871-4091-945D-E6DFFC203943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365372" y="3902075"/>
            <a:ext cx="85344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5 Jun - 13 Jun</a:t>
            </a:r>
          </a:p>
        </p:txBody>
      </p:sp>
      <p:sp>
        <p:nvSpPr>
          <p:cNvPr id="41" name="OTLSHAPE_T_288941fee63d4011be961db3ad4a88ae_TextPercentage" hidden="0">
            <a:extLst>
              <a:ext uri="{1F54F56E-C5D5-468C-9CF4-40BBBE724BA9}">
                <a16:creationId xmlns:a16="http://schemas.microsoft.com/office/drawing/2014/main\" id="4F2A9663-0FB2-4B81-BAA7-81AF5FDDDEEE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8310881" y="3909378"/>
            <a:ext cx="24384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42" name="OTLSHAPE_T_288941fee63d4011be961db3ad4a88ae_Title" hidden="0">
            <a:extLst>
              <a:ext uri="{27CE71C9-1CF2-4BCC-AE29-D8C23830E45E}">
                <a16:creationId xmlns:a16="http://schemas.microsoft.com/office/drawing/2014/main\" id="5975C6B7-E564-46F4-9C80-545DBB18AEB1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0" y="3902075"/>
            <a:ext cx="48768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Cliente</a:t>
            </a:r>
          </a:p>
        </p:txBody>
      </p:sp>
      <p:sp>
        <p:nvSpPr>
          <p:cNvPr id="10000001" name="Planificación de Lanzamiento&#10;Proyecto Restaurante Doña S">
            <a:extLst>
              <a:ext uri="C9D24DB2-0094-4474-86E6-018778381B43">
                <a16:creationId xmlns:a16="http://schemas.microsoft.com/office/drawing/2014/main" id="C54E32D0-0F45-4ACA-866D-6E8B3F81E3BA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200400" y="1028700"/>
            <a:ext cx="6096000" cy="1051475"/>
          </a:xfrm>
        </p:spPr>
        <p:txBody>
          <a:bodyPr wrap="square" lIns="0" tIns="0" rIns="0" bIns="0">
            <a:normAutofit/>
          </a:bodyPr>
          <a:lstStyle/>
          <a:p>
            <a:pPr algn="ctr"/>
            <a:r>
              <a:rPr lang="en-US" sz="3600" b="0" i="0" u="none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Planificación de Lanzamiento
Proyecto Restaurante Doña S</a:t>
            </a:r>
          </a:p>
        </p:txBody>
      </p:sp>
    </p:spTree>
    <p:custDataLst>
      <p:tags r:id="rId1"/>
    </p:custDataLst>
    <p:extLst>
      <p:ext uri="eaebfb2a-9723-488d-9eb4-f181267953bd">
        <p14:creationId xmlns:p14="http://schemas.microsoft.com/office/powerpoint/2010/main" val="2714797065"/>
      </p:ext>
    </p:extLst>
  </p:cSld>
</p:sld>
</file>

<file path=ppt/slides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SIsIk9yaWdpbmFsQXNzZW1ibHlWZXJzaW9uIjoiMy4xOS4wMS4wMCIsIkVkaXRpb24iOm51bGwsIkxhc3RTYXZlZEVkaXRpb24iOjEsIklzUGx1c0VkaXRpb24iOmZhbHNlLCJJc1Byb0VkaXRpb24iOmZhbHNlfSwiRWZmZWN0Ijow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ZmFsc2UsIldpZHRoIjo4NTguMCwiSGVpZ2h0Ijoz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1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NiwiRm9udE5hbWUiOiJBcmlhbCIsIklzQm9sZCI6dHJ1ZSwiSXNJdGFsaWMiOmZhbHNlLCJJc1VuZGVybGluZWQiOmZhbHNlLCJQYXJlbnRTdHlsZSI6bnVsbH0sIkF1dG9TaXplIjowLCJGb3JlZ3JvdW5kIjp7IiRpZCI6IjM5IiwiQ29sb3IiOnsiJGlkIjoiND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CIsIlRvcCI6MC4wLCJMZWZ0IjowLjAsIlJpZ2h0IjowLjAsIkJvdHRvbSI6MC4wfSwiUGFkZGluZyI6eyIkaWQiOiI0OSIsIlRvcCI6MC4wLCJMZWZ0IjowLjAsIlJpZ2h0IjowLjAsIkJvdHRvbSI6MC4wfSwiQmFja2dyb3VuZCI6eyIkaWQiOiI1MCIsIkNvbG9yIjp7IiRyZWYiOiIzNiJ9fSwiSXNWaXNpYmxlIjp0cnVlLCJXaWR0aCI6MC4wLCJIZWlnaHQiOjAuMCwiQm9yZGVyU3R5bGUiOm51bGwsIlBhcmVudFN0eWxlIjpudWxsfSwiVG9kYXlNYXJrZXJ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yMTYsIkciOjIyNiwiQiI6MjQzfX0sIklzVmlzaWJsZSI6dHJ1ZSwiV2lkdGgiOjAuMCwiSGVpZ2h0IjowLjAsIkJvcmRlclN0eWxlIjpudWxsLCJQYXJlbnRTdHlsZSI6bnVsbH0sIlNjYWxlU3R5bGUiOnsiJGlkIjoiNTYiLCJTaGFwZSI6MywiU2hvd1NlZ21lbnRTZXBhcmF0b3JzIjp0cnVlLCJTZWdtZW50U2VwYXJhdG9yT3BhY2l0eSI6MzAsIkhhc0JlZW5WaXNpYmxlQmVmb3JlIjp0cnVlLCJGb250U2V0dGluZ3MiOnsiJGlkIjoiNTciLCJGb250U2l6ZSI6MTEsIkZvbnROYW1lIjoiQXJpYWwiLCJJc0JvbGQiOnRydW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pZCI6IjExNCIsIkNvbG9yIjp7IiRyZWYiOiIzNiJ9fSwiSXNWaXNpYmxlIjp0cnVlLCJXaWR0aCI6MC4wLCJIZWlnaHQiOjAuMCwiQm9yZGVyU3R5bGUiOm51bGwsIlBhcmVudFN0eWxlIjpudWxsfSwiRGF0ZUZvcm1hdCI6eyIkaWQiOiIxMTU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yZWYiOiIzNiJ9fSwiSXNWaXNpYmxlIjp0cnVlLCJXaWR0aCI6MC4wLCJIZWlnaHQiOjAuMCwiQm9yZGVyU3R5bGUiOm51bGwsIlBhcmVudFN0eWxlIjpudWxsfSwiRHVyYXRpb25TdHlsZSI6eyIkaWQiOiIxMjUiLCJGb250U2V0dGluZ3MiOnsiJGlkIjoiMTI2IiwiRm9udFNpemUiOjksIkZvbnROYW1lIjoiQXJpYWwiLCJJc0JvbGQiOmZhbHNlLCJJc0l0YWxpYyI6ZmFsc2UsIklzVW5kZXJsaW5lZCI6ZmFsc2UsIlBhcmVudFN0eWxlIjpudWxsfSwiQXV0b1NpemUiOjAsIkZvcmVncm91bmQiOnsiJGlkIjoiMTI3IiwiQ29sb3IiOnsiJGlkIjoiMTI4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kwIiwiTGluZUNvbG9yIjpudWxsLCJMaW5lV2VpZ2h0IjowLjAsIkxpbmVUeXBlIjowLCJQYXJlbnRTdHlsZSI6bnVsbH0sIlBhcmVudFN0eWxlIjp7IiRyZWYiOiIxMTgifX0sIkR1cmF0aW9uU3R5bGUiOnsiJGlkIjoiMTkxIiwiRm9udFNldHRpbmdzIjp7IiRpZCI6IjE5MiIsIkZvbnRTaXplIjo5LCJGb250TmFtZSI6IkFyaWFsIiwiSXNCb2xkIjpmYWxzZSwiSXNJdGFsaWMiOmZhbHNlLCJJc1VuZGVybGluZWQiOmZhbHNlLCJQYXJlbnRTdHlsZSI6eyIkcmVmIjoiMTI2In19LCJBdXRvU2l6ZSI6MCwiRm9yZWdyb3VuZCI6eyIkaWQiOiIxOTMiLCJDb2xvciI6eyIkaWQiOiIxOTQ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yMDkiLCJMaW5lQ29sb3IiOm51bGwsIkxpbmVXZWlnaHQiOjAuMCwiTGluZVR5cGUiOjAsIlBhcmVudFN0eWxlIjpudWxsfSwiUGFyZW50U3R5bGUiOnsiJHJlZiI6IjE1MyJ9fSwiRGF0ZUZvcm1hdCI6eyIkaWQiOiIyMTA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wIiwiTGluZUNvbG9yIjpudWxsLCJMaW5lV2VpZ2h0IjowLjAsIkxpbmVUeXBlIjowLCJQYXJlbnRTdHlsZSI6bnVsbH0sIlBhcmVudFN0eWxlIjp7IiRyZWYiOiIxMTgifX0sIkR1cmF0aW9uU3R5bGUiOnsiJGlkIjoiMjIxIiwiRm9udFNldHRpbmdzIjp7IiRpZCI6IjIyMiIsIkZvbnRTaXplIjo5LCJGb250TmFtZSI6IkFyaWFsIiwiSXNCb2xkIjpmYWxzZSwiSXNJdGFsaWMiOmZhbHNlLCJJc1VuZGVybGluZWQiOmZhbHNlLCJQYXJlbnRTdHlsZSI6eyIkcmVmIjoiMTI2In19LCJBdXRvU2l6ZSI6MCwiRm9yZWdyb3VuZCI6eyIkaWQiOiIyMjMiLCJDb2xvciI6eyIkaWQiOiIyMjQ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M0IiwiTGluZUNvbG9yIjpudWxsLCJMaW5lV2VpZ2h0IjowLjAsIkxpbmVUeXBlIjowLCJQYXJlbnRTdHlsZSI6bnVsbH0sIlBhcmVudFN0eWxlIjp7IiRyZWYiOiIxNDYifX0sIkRhdGVTdHlsZSI6eyIkaWQiOiIyMzUiLCJGb250U2V0dGluZ3MiOnsiJGlkIjoiMjM2IiwiRm9udFNpemUiOjEwLCJGb250TmFtZSI6IkFyaWFsIiwiSXNCb2xkIjpmYWxzZSwiSXNJdGFsaWMiOmZhbHNlLCJJc1VuZGVybGluZWQiOmZhbHNlLCJQYXJlbnRTdHlsZSI6eyIkcmVmIjoiMTU0In19LCJBdXRvU2l6ZSI6MCwiRm9yZWdyb3VuZCI6eyIkaWQiOiIyMzciLCJDb2xvciI6eyIkaWQiOiIyMz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0cnVlLCJJbXBvcnRUeXBlIjo2LCJGaWxlUGF0aCI6bnVsbCwiVGltZUNvbmZpZ3VyYXRpb24iOnsiJGlkIjoiMjQ4IiwiVXNlVGltZSI6ZmFsc2UsIldvcmtEYXlTdGFydCI6IjAwOjAwOjAwIiwiV29ya0RheUVuZCI6IjIzOjU5OjAwIn0sIkxhc3RVc2VkVGVtcGxhdGVJZCI6IjczNTViNjMzLWFjNjYtNDUyOC04YjRkLTI5OWZhZWRjOWVlOSIsIkZpcnN0V2Vla09mWWVhciI6MCwiUGxhY2VNaWxlc3RvbmVBdFRoZUJlZ2lubmluZ09mVGhlRGF5IjpmYWxzZX0="/>
  <p:tag name="__master" val="__part_0"/>
</p:tagLst>
</file>

<file path=ppt/slides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slides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